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5699455" w14:textId="77777777" w:rsidR="00E84CC5" w:rsidRDefault="00E84CC5" w:rsidP="00B67EF8">
      <w:pPr>
        <w:ind w:left="630" w:hangingChars="300" w:hanging="630"/>
        <w:jc w:val="right"/>
        <w:rPr>
          <w:lang w:eastAsia="zh-TW"/>
        </w:rPr>
      </w:pPr>
    </w:p>
    <w:p w14:paraId="29C83A6C" w14:textId="19429C5D" w:rsidR="007D3889" w:rsidRDefault="00E84CC5" w:rsidP="004952D4">
      <w:pPr>
        <w:wordWrap w:val="0"/>
        <w:ind w:left="630" w:hangingChars="300" w:hanging="630"/>
        <w:jc w:val="right"/>
        <w:rPr>
          <w:lang w:eastAsia="zh-TW"/>
        </w:rPr>
      </w:pPr>
      <w:r>
        <w:rPr>
          <w:rFonts w:hint="eastAsia"/>
          <w:lang w:eastAsia="zh-TW"/>
        </w:rPr>
        <w:t>令和７年６月</w:t>
      </w:r>
      <w:r w:rsidR="00C8158B">
        <w:rPr>
          <w:rFonts w:hint="eastAsia"/>
        </w:rPr>
        <w:t>２</w:t>
      </w:r>
      <w:r w:rsidR="004952D4">
        <w:rPr>
          <w:rFonts w:hint="eastAsia"/>
          <w:lang w:eastAsia="zh-TW"/>
        </w:rPr>
        <w:t>日</w:t>
      </w:r>
    </w:p>
    <w:p w14:paraId="3A38DCD1" w14:textId="77777777" w:rsidR="00367BAA" w:rsidRDefault="00367BAA" w:rsidP="00367BAA">
      <w:pPr>
        <w:ind w:left="630" w:hangingChars="300" w:hanging="630"/>
        <w:jc w:val="right"/>
        <w:rPr>
          <w:lang w:eastAsia="zh-TW"/>
        </w:rPr>
      </w:pPr>
    </w:p>
    <w:p w14:paraId="148BDB34" w14:textId="2E762B31" w:rsidR="007D3889" w:rsidRDefault="007D3889" w:rsidP="002C591D">
      <w:pPr>
        <w:ind w:left="628" w:hangingChars="299" w:hanging="628"/>
        <w:rPr>
          <w:lang w:eastAsia="zh-TW"/>
        </w:rPr>
      </w:pPr>
      <w:r>
        <w:rPr>
          <w:rFonts w:hint="eastAsia"/>
          <w:lang w:eastAsia="zh-TW"/>
        </w:rPr>
        <w:t>保護者</w:t>
      </w:r>
      <w:r w:rsidR="004952D4">
        <w:rPr>
          <w:rFonts w:hint="eastAsia"/>
          <w:lang w:eastAsia="zh-TW"/>
        </w:rPr>
        <w:t xml:space="preserve">　</w:t>
      </w:r>
      <w:r>
        <w:rPr>
          <w:rFonts w:hint="eastAsia"/>
          <w:lang w:eastAsia="zh-TW"/>
        </w:rPr>
        <w:t>様</w:t>
      </w:r>
    </w:p>
    <w:p w14:paraId="27B6A66A" w14:textId="60ACBAA2" w:rsidR="007D3889" w:rsidRDefault="007D3889" w:rsidP="007D3889">
      <w:pPr>
        <w:ind w:left="630" w:hangingChars="300" w:hanging="630"/>
        <w:jc w:val="right"/>
        <w:rPr>
          <w:lang w:eastAsia="zh-TW"/>
        </w:rPr>
      </w:pPr>
      <w:r>
        <w:rPr>
          <w:rFonts w:hint="eastAsia"/>
          <w:lang w:eastAsia="zh-TW"/>
        </w:rPr>
        <w:t>大阪市教育委員会事務局</w:t>
      </w:r>
    </w:p>
    <w:p w14:paraId="2DD83C06" w14:textId="5FE5FDFD" w:rsidR="007D3889" w:rsidRDefault="007D3889" w:rsidP="007D3889">
      <w:pPr>
        <w:ind w:left="630" w:hangingChars="300" w:hanging="630"/>
        <w:jc w:val="right"/>
      </w:pPr>
      <w:r>
        <w:rPr>
          <w:rFonts w:hint="eastAsia"/>
        </w:rPr>
        <w:t>学校運営支援センター</w:t>
      </w:r>
    </w:p>
    <w:p w14:paraId="61DD3CEB" w14:textId="77777777" w:rsidR="007D3889" w:rsidRDefault="007D3889" w:rsidP="007D3889">
      <w:pPr>
        <w:ind w:left="630" w:hangingChars="300" w:hanging="630"/>
        <w:jc w:val="right"/>
      </w:pPr>
    </w:p>
    <w:p w14:paraId="1BF218F7" w14:textId="07BF5CF0" w:rsidR="00E1566B" w:rsidRDefault="00E1566B" w:rsidP="00E1566B">
      <w:pPr>
        <w:ind w:left="630" w:hangingChars="300" w:hanging="630"/>
        <w:jc w:val="center"/>
      </w:pPr>
      <w:r>
        <w:rPr>
          <w:rFonts w:hint="eastAsia"/>
        </w:rPr>
        <w:t>令和７年度</w:t>
      </w:r>
      <w:r w:rsidR="004952D4">
        <w:rPr>
          <w:rFonts w:hint="eastAsia"/>
        </w:rPr>
        <w:t xml:space="preserve">　</w:t>
      </w:r>
      <w:r>
        <w:rPr>
          <w:rFonts w:hint="eastAsia"/>
        </w:rPr>
        <w:t>就学援助「一般２」の申請期限について（お知らせ）</w:t>
      </w:r>
    </w:p>
    <w:p w14:paraId="51A459CE" w14:textId="77777777" w:rsidR="007D3889" w:rsidRPr="00E1566B" w:rsidRDefault="007D3889" w:rsidP="00E84CC5"/>
    <w:p w14:paraId="4D739EE4" w14:textId="5632BE0B" w:rsidR="007D3889" w:rsidRPr="007D3889" w:rsidRDefault="007D3889" w:rsidP="002C591D">
      <w:pPr>
        <w:ind w:firstLineChars="67" w:firstLine="141"/>
      </w:pPr>
      <w:r>
        <w:rPr>
          <w:rFonts w:hint="eastAsia"/>
        </w:rPr>
        <w:t>大阪市では、お子さまが大阪市立の小・中・義務教育学校にお通いで、経済的に困られている家庭の保護者の方に、学校教材費や校外活動費などの援助を行っています。</w:t>
      </w:r>
    </w:p>
    <w:p w14:paraId="268214EF" w14:textId="7944F24D" w:rsidR="007D3889" w:rsidRDefault="007D3889" w:rsidP="002C591D">
      <w:pPr>
        <w:ind w:firstLineChars="100" w:firstLine="210"/>
      </w:pPr>
      <w:r>
        <w:rPr>
          <w:rFonts w:hint="eastAsia"/>
        </w:rPr>
        <w:t>令和７年度就学援助</w:t>
      </w:r>
      <w:r w:rsidR="000E7908">
        <w:rPr>
          <w:rFonts w:hint="eastAsia"/>
        </w:rPr>
        <w:t>「一般２」の申請期限は、</w:t>
      </w:r>
      <w:r>
        <w:rPr>
          <w:rFonts w:hint="eastAsia"/>
        </w:rPr>
        <w:t>6月30日（月曜日）です。</w:t>
      </w:r>
    </w:p>
    <w:p w14:paraId="68130680" w14:textId="2CE53D23" w:rsidR="007D3889" w:rsidRDefault="000E7908" w:rsidP="002C591D">
      <w:pPr>
        <w:ind w:firstLineChars="100" w:firstLine="210"/>
      </w:pPr>
      <w:r>
        <w:rPr>
          <w:rFonts w:hint="eastAsia"/>
        </w:rPr>
        <w:t>令和７年４月１日からの就学援助を希望される方は、申請期限までに「就学援助申請書兼世帯状況票」</w:t>
      </w:r>
      <w:r w:rsidR="007D3889">
        <w:rPr>
          <w:rFonts w:hint="eastAsia"/>
        </w:rPr>
        <w:t>に必要な証明書類を添えて、</w:t>
      </w:r>
      <w:r>
        <w:rPr>
          <w:rFonts w:hint="eastAsia"/>
        </w:rPr>
        <w:t>お子さまの</w:t>
      </w:r>
      <w:r w:rsidR="007D3889">
        <w:rPr>
          <w:rFonts w:hint="eastAsia"/>
        </w:rPr>
        <w:t>通</w:t>
      </w:r>
      <w:r>
        <w:rPr>
          <w:rFonts w:hint="eastAsia"/>
        </w:rPr>
        <w:t>われている</w:t>
      </w:r>
      <w:r w:rsidR="007D3889">
        <w:rPr>
          <w:rFonts w:hint="eastAsia"/>
        </w:rPr>
        <w:t>学校</w:t>
      </w:r>
      <w:r>
        <w:rPr>
          <w:rFonts w:hint="eastAsia"/>
        </w:rPr>
        <w:t>事務室まで、忘れずに</w:t>
      </w:r>
      <w:r w:rsidR="007D3889">
        <w:rPr>
          <w:rFonts w:hint="eastAsia"/>
        </w:rPr>
        <w:t>ご提出ください。</w:t>
      </w:r>
    </w:p>
    <w:p w14:paraId="4F427DF2" w14:textId="7533AA83" w:rsidR="000E7908" w:rsidRDefault="000E7908" w:rsidP="009E1DD8">
      <w:pPr>
        <w:ind w:firstLineChars="100" w:firstLine="210"/>
      </w:pPr>
      <w:r>
        <w:rPr>
          <w:rFonts w:hint="eastAsia"/>
        </w:rPr>
        <w:t>申請期限を超えて就学援助を申請された場合、認定日が学校に提出された日以降になりますので、ご注意ください。</w:t>
      </w:r>
    </w:p>
    <w:p w14:paraId="01A040D8" w14:textId="7F4EA8A7" w:rsidR="009E1DD8" w:rsidRDefault="000E7908" w:rsidP="009E1DD8">
      <w:pPr>
        <w:ind w:firstLineChars="100" w:firstLine="210"/>
      </w:pPr>
      <w:r>
        <w:rPr>
          <w:rFonts w:hint="eastAsia"/>
        </w:rPr>
        <w:t>なお、「就学援助申請書兼世帯状況票」</w:t>
      </w:r>
      <w:r w:rsidR="009E1DD8">
        <w:rPr>
          <w:rFonts w:hint="eastAsia"/>
        </w:rPr>
        <w:t>をお持ちでない場合は、大阪市のホームページから印刷していただくか、</w:t>
      </w:r>
      <w:r>
        <w:rPr>
          <w:rFonts w:hint="eastAsia"/>
        </w:rPr>
        <w:t>お子さまの通われている</w:t>
      </w:r>
      <w:r w:rsidR="009E1DD8">
        <w:rPr>
          <w:rFonts w:hint="eastAsia"/>
        </w:rPr>
        <w:t>学校</w:t>
      </w:r>
      <w:r>
        <w:rPr>
          <w:rFonts w:hint="eastAsia"/>
        </w:rPr>
        <w:t>まで</w:t>
      </w:r>
      <w:r w:rsidR="009E1DD8">
        <w:rPr>
          <w:rFonts w:hint="eastAsia"/>
        </w:rPr>
        <w:t>お問合せください。</w:t>
      </w:r>
    </w:p>
    <w:p w14:paraId="3CED5D87" w14:textId="3E4AA0E4" w:rsidR="007D3889" w:rsidRDefault="007D3889" w:rsidP="00E84CC5">
      <w:pPr>
        <w:ind w:leftChars="-232" w:left="143" w:hangingChars="300" w:hanging="630"/>
      </w:pPr>
      <w:r>
        <w:rPr>
          <w:rFonts w:hint="eastAsia"/>
        </w:rPr>
        <w:t xml:space="preserve">　　　　</w:t>
      </w:r>
    </w:p>
    <w:p w14:paraId="7929D5A3" w14:textId="781789E2" w:rsidR="007D3889" w:rsidRDefault="007D3889" w:rsidP="007D3889">
      <w:pPr>
        <w:ind w:left="630" w:hangingChars="300" w:hanging="630"/>
      </w:pPr>
      <w:r>
        <w:rPr>
          <w:rFonts w:hint="eastAsia"/>
        </w:rPr>
        <w:t xml:space="preserve">　　　</w:t>
      </w:r>
    </w:p>
    <w:p w14:paraId="0D029580" w14:textId="77777777" w:rsidR="00C1541F" w:rsidRDefault="00C1541F" w:rsidP="007D3889">
      <w:pPr>
        <w:ind w:left="630" w:hangingChars="300" w:hanging="630"/>
      </w:pPr>
    </w:p>
    <w:p w14:paraId="7E4B7EED" w14:textId="77777777" w:rsidR="00C1541F" w:rsidRDefault="00C1541F" w:rsidP="007D3889">
      <w:pPr>
        <w:ind w:left="630" w:hangingChars="300" w:hanging="630"/>
      </w:pPr>
    </w:p>
    <w:p w14:paraId="432087EF" w14:textId="5241E3C5" w:rsidR="007D3889" w:rsidRDefault="000A6EC1" w:rsidP="007D3889">
      <w:pPr>
        <w:ind w:left="630" w:hangingChars="300" w:hanging="630"/>
      </w:pPr>
      <w:r>
        <w:rPr>
          <w:noProof/>
        </w:rPr>
        <w:drawing>
          <wp:anchor distT="0" distB="0" distL="114300" distR="114300" simplePos="0" relativeHeight="251662336" behindDoc="0" locked="0" layoutInCell="1" allowOverlap="1" wp14:anchorId="63EDD3D8" wp14:editId="44CBDC06">
            <wp:simplePos x="0" y="0"/>
            <wp:positionH relativeFrom="margin">
              <wp:align>right</wp:align>
            </wp:positionH>
            <wp:positionV relativeFrom="paragraph">
              <wp:posOffset>19685</wp:posOffset>
            </wp:positionV>
            <wp:extent cx="990600" cy="1015365"/>
            <wp:effectExtent l="0" t="0" r="0" b="0"/>
            <wp:wrapThrough wrapText="bothSides">
              <wp:wrapPolygon edited="0">
                <wp:start x="0" y="0"/>
                <wp:lineTo x="0" y="21073"/>
                <wp:lineTo x="21185" y="21073"/>
                <wp:lineTo x="21185" y="0"/>
                <wp:lineTo x="0" y="0"/>
              </wp:wrapPolygon>
            </wp:wrapThrough>
            <wp:docPr id="768063737" name="図 7" descr="C:\Users\i9352581\Desktop\qr20200311113107827.png">
              <a:extLst xmlns:a="http://schemas.openxmlformats.org/drawingml/2006/main">
                <a:ext uri="{FF2B5EF4-FFF2-40B4-BE49-F238E27FC236}">
                  <a16:creationId xmlns:a16="http://schemas.microsoft.com/office/drawing/2014/main" id="{E6B1AE72-C8A5-42CB-8B62-780373DCD223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図 7" descr="C:\Users\i9352581\Desktop\qr20200311113107827.png">
                      <a:extLst>
                        <a:ext uri="{FF2B5EF4-FFF2-40B4-BE49-F238E27FC236}">
                          <a16:creationId xmlns:a16="http://schemas.microsoft.com/office/drawing/2014/main" id="{E6B1AE72-C8A5-42CB-8B62-780373DCD223}"/>
                        </a:ext>
                      </a:extLst>
                    </pic:cNvPr>
                    <pic:cNvPicPr>
                      <a:picLocks noChangeAspect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90600" cy="10153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7D3889">
        <w:rPr>
          <w:rFonts w:hint="eastAsia"/>
        </w:rPr>
        <w:t xml:space="preserve">　　　　　　　　</w:t>
      </w:r>
      <w:r w:rsidR="00D069A2">
        <w:rPr>
          <w:rFonts w:hint="eastAsia"/>
        </w:rPr>
        <w:t xml:space="preserve"> 【</w:t>
      </w:r>
      <w:r w:rsidR="007D3889">
        <w:rPr>
          <w:rFonts w:hint="eastAsia"/>
        </w:rPr>
        <w:t>問合せ先】</w:t>
      </w:r>
    </w:p>
    <w:p w14:paraId="41DE4350" w14:textId="49A8228A" w:rsidR="007D3889" w:rsidRDefault="007D3889" w:rsidP="000A6EC1">
      <w:pPr>
        <w:ind w:right="525" w:firstLineChars="950" w:firstLine="1995"/>
      </w:pPr>
      <w:r>
        <w:rPr>
          <w:rFonts w:hint="eastAsia"/>
        </w:rPr>
        <w:t>大阪市教育委員会事務局</w:t>
      </w:r>
      <w:r w:rsidR="00D069A2">
        <w:rPr>
          <w:rFonts w:hint="eastAsia"/>
        </w:rPr>
        <w:t xml:space="preserve">　</w:t>
      </w:r>
      <w:r>
        <w:rPr>
          <w:rFonts w:hint="eastAsia"/>
        </w:rPr>
        <w:t>学校運営支援センター</w:t>
      </w:r>
    </w:p>
    <w:p w14:paraId="16C376AF" w14:textId="64DB7EDA" w:rsidR="00D069A2" w:rsidRDefault="00D069A2" w:rsidP="000A6EC1">
      <w:pPr>
        <w:wordWrap w:val="0"/>
        <w:ind w:right="945" w:firstLineChars="950" w:firstLine="1995"/>
      </w:pPr>
      <w:r>
        <w:rPr>
          <w:rFonts w:hint="eastAsia"/>
        </w:rPr>
        <w:t>事務管理担当　就学支援グループ</w:t>
      </w:r>
    </w:p>
    <w:p w14:paraId="0537F27B" w14:textId="737FA68F" w:rsidR="00E36682" w:rsidRDefault="00D069A2" w:rsidP="000A6EC1">
      <w:pPr>
        <w:wordWrap w:val="0"/>
        <w:ind w:leftChars="300" w:left="630" w:right="420" w:firstLineChars="600" w:firstLine="1260"/>
      </w:pPr>
      <w:r>
        <w:rPr>
          <w:rFonts w:hint="eastAsia"/>
        </w:rPr>
        <w:t xml:space="preserve"> </w:t>
      </w:r>
      <w:r w:rsidR="00E36682">
        <w:rPr>
          <w:rFonts w:hint="eastAsia"/>
        </w:rPr>
        <w:t>電話　06-6115-7653</w:t>
      </w:r>
      <w:r>
        <w:rPr>
          <w:rFonts w:hint="eastAsia"/>
        </w:rPr>
        <w:t xml:space="preserve">　</w:t>
      </w:r>
      <w:r w:rsidR="00E36682">
        <w:rPr>
          <w:rFonts w:hint="eastAsia"/>
        </w:rPr>
        <w:t xml:space="preserve">ファックス　</w:t>
      </w:r>
      <w:r>
        <w:rPr>
          <w:rFonts w:hint="eastAsia"/>
        </w:rPr>
        <w:t>06-6115-8170</w:t>
      </w:r>
    </w:p>
    <w:p w14:paraId="7A1162FA" w14:textId="4E4A1E4E" w:rsidR="007D3889" w:rsidRPr="007D3889" w:rsidRDefault="007D3889" w:rsidP="007D3889">
      <w:pPr>
        <w:ind w:left="630" w:hangingChars="300" w:hanging="630"/>
      </w:pPr>
    </w:p>
    <w:sectPr w:rsidR="007D3889" w:rsidRPr="007D3889"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AF306B4" w14:textId="77777777" w:rsidR="00264372" w:rsidRDefault="00264372" w:rsidP="00470C19">
      <w:r>
        <w:separator/>
      </w:r>
    </w:p>
  </w:endnote>
  <w:endnote w:type="continuationSeparator" w:id="0">
    <w:p w14:paraId="5D51464E" w14:textId="77777777" w:rsidR="00264372" w:rsidRDefault="00264372" w:rsidP="00470C1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97C1F0B" w14:textId="77777777" w:rsidR="00264372" w:rsidRDefault="00264372" w:rsidP="00470C19">
      <w:r>
        <w:separator/>
      </w:r>
    </w:p>
  </w:footnote>
  <w:footnote w:type="continuationSeparator" w:id="0">
    <w:p w14:paraId="6AB113C9" w14:textId="77777777" w:rsidR="00264372" w:rsidRDefault="00264372" w:rsidP="00470C19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bordersDoNotSurroundHeader/>
  <w:bordersDoNotSurroundFooter/>
  <w:defaultTabStop w:val="840"/>
  <w:displayHorizontalDrawingGridEvery w:val="0"/>
  <w:displayVerticalDrawingGridEvery w:val="2"/>
  <w:characterSpacingControl w:val="compressPunctuation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07D23"/>
    <w:rsid w:val="0002127E"/>
    <w:rsid w:val="00080B4B"/>
    <w:rsid w:val="00092AE3"/>
    <w:rsid w:val="000A6EC1"/>
    <w:rsid w:val="000B5CFC"/>
    <w:rsid w:val="000E1382"/>
    <w:rsid w:val="000E4F52"/>
    <w:rsid w:val="000E7908"/>
    <w:rsid w:val="00192ABE"/>
    <w:rsid w:val="001971FA"/>
    <w:rsid w:val="001D4482"/>
    <w:rsid w:val="001F1B6E"/>
    <w:rsid w:val="00210FF2"/>
    <w:rsid w:val="00240A67"/>
    <w:rsid w:val="00264372"/>
    <w:rsid w:val="00267812"/>
    <w:rsid w:val="002C421C"/>
    <w:rsid w:val="002C591D"/>
    <w:rsid w:val="002F4797"/>
    <w:rsid w:val="00307D23"/>
    <w:rsid w:val="0031693A"/>
    <w:rsid w:val="00360EB3"/>
    <w:rsid w:val="00367BAA"/>
    <w:rsid w:val="00381015"/>
    <w:rsid w:val="003C2E85"/>
    <w:rsid w:val="00411768"/>
    <w:rsid w:val="00470C19"/>
    <w:rsid w:val="004952D4"/>
    <w:rsid w:val="004E120A"/>
    <w:rsid w:val="00572A57"/>
    <w:rsid w:val="005A1C7B"/>
    <w:rsid w:val="005F6750"/>
    <w:rsid w:val="00623FDF"/>
    <w:rsid w:val="006B3939"/>
    <w:rsid w:val="006E63FB"/>
    <w:rsid w:val="007032DD"/>
    <w:rsid w:val="007C055D"/>
    <w:rsid w:val="007D3889"/>
    <w:rsid w:val="008465C4"/>
    <w:rsid w:val="00923A5F"/>
    <w:rsid w:val="00951A89"/>
    <w:rsid w:val="009E1DD8"/>
    <w:rsid w:val="009F3E8D"/>
    <w:rsid w:val="00A14D6D"/>
    <w:rsid w:val="00A45CB4"/>
    <w:rsid w:val="00A719DB"/>
    <w:rsid w:val="00A93662"/>
    <w:rsid w:val="00AD6513"/>
    <w:rsid w:val="00B008F2"/>
    <w:rsid w:val="00B16404"/>
    <w:rsid w:val="00B6474C"/>
    <w:rsid w:val="00B67EF8"/>
    <w:rsid w:val="00B867E2"/>
    <w:rsid w:val="00BB38B1"/>
    <w:rsid w:val="00BE5E1E"/>
    <w:rsid w:val="00BF610D"/>
    <w:rsid w:val="00C1541F"/>
    <w:rsid w:val="00C350B4"/>
    <w:rsid w:val="00C67C90"/>
    <w:rsid w:val="00C74859"/>
    <w:rsid w:val="00C75396"/>
    <w:rsid w:val="00C8158B"/>
    <w:rsid w:val="00D069A2"/>
    <w:rsid w:val="00D25199"/>
    <w:rsid w:val="00D45EFB"/>
    <w:rsid w:val="00DC744A"/>
    <w:rsid w:val="00DC7BD4"/>
    <w:rsid w:val="00DE32DD"/>
    <w:rsid w:val="00E0068E"/>
    <w:rsid w:val="00E1566B"/>
    <w:rsid w:val="00E36682"/>
    <w:rsid w:val="00E6098A"/>
    <w:rsid w:val="00E84CC5"/>
    <w:rsid w:val="00EA4648"/>
    <w:rsid w:val="00F64696"/>
    <w:rsid w:val="00F742B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3E62B04E"/>
  <w15:chartTrackingRefBased/>
  <w15:docId w15:val="{EE704E6E-7F92-439D-8F9A-BA5824BC20D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  <w14:ligatures w14:val="standardContextual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9E1DD8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te Heading"/>
    <w:basedOn w:val="a"/>
    <w:next w:val="a"/>
    <w:link w:val="a4"/>
    <w:uiPriority w:val="99"/>
    <w:unhideWhenUsed/>
    <w:rsid w:val="00C67C90"/>
    <w:pPr>
      <w:jc w:val="center"/>
    </w:pPr>
  </w:style>
  <w:style w:type="character" w:customStyle="1" w:styleId="a4">
    <w:name w:val="記 (文字)"/>
    <w:basedOn w:val="a0"/>
    <w:link w:val="a3"/>
    <w:uiPriority w:val="99"/>
    <w:rsid w:val="00C67C90"/>
  </w:style>
  <w:style w:type="paragraph" w:styleId="a5">
    <w:name w:val="Closing"/>
    <w:basedOn w:val="a"/>
    <w:link w:val="a6"/>
    <w:uiPriority w:val="99"/>
    <w:unhideWhenUsed/>
    <w:rsid w:val="00C67C90"/>
    <w:pPr>
      <w:jc w:val="right"/>
    </w:pPr>
  </w:style>
  <w:style w:type="character" w:customStyle="1" w:styleId="a6">
    <w:name w:val="結語 (文字)"/>
    <w:basedOn w:val="a0"/>
    <w:link w:val="a5"/>
    <w:uiPriority w:val="99"/>
    <w:rsid w:val="00C67C90"/>
  </w:style>
  <w:style w:type="paragraph" w:styleId="a7">
    <w:name w:val="header"/>
    <w:basedOn w:val="a"/>
    <w:link w:val="a8"/>
    <w:uiPriority w:val="99"/>
    <w:unhideWhenUsed/>
    <w:rsid w:val="00470C19"/>
    <w:pPr>
      <w:tabs>
        <w:tab w:val="center" w:pos="4252"/>
        <w:tab w:val="right" w:pos="8504"/>
      </w:tabs>
      <w:snapToGrid w:val="0"/>
    </w:pPr>
  </w:style>
  <w:style w:type="character" w:customStyle="1" w:styleId="a8">
    <w:name w:val="ヘッダー (文字)"/>
    <w:basedOn w:val="a0"/>
    <w:link w:val="a7"/>
    <w:uiPriority w:val="99"/>
    <w:rsid w:val="00470C19"/>
  </w:style>
  <w:style w:type="paragraph" w:styleId="a9">
    <w:name w:val="footer"/>
    <w:basedOn w:val="a"/>
    <w:link w:val="aa"/>
    <w:uiPriority w:val="99"/>
    <w:unhideWhenUsed/>
    <w:rsid w:val="00470C19"/>
    <w:pPr>
      <w:tabs>
        <w:tab w:val="center" w:pos="4252"/>
        <w:tab w:val="right" w:pos="8504"/>
      </w:tabs>
      <w:snapToGrid w:val="0"/>
    </w:pPr>
  </w:style>
  <w:style w:type="character" w:customStyle="1" w:styleId="aa">
    <w:name w:val="フッター (文字)"/>
    <w:basedOn w:val="a0"/>
    <w:link w:val="a9"/>
    <w:uiPriority w:val="99"/>
    <w:rsid w:val="00470C19"/>
  </w:style>
  <w:style w:type="paragraph" w:styleId="ab">
    <w:name w:val="Revision"/>
    <w:hidden/>
    <w:uiPriority w:val="99"/>
    <w:semiHidden/>
    <w:rsid w:val="00623FDF"/>
  </w:style>
  <w:style w:type="paragraph" w:styleId="ac">
    <w:name w:val="Date"/>
    <w:basedOn w:val="a"/>
    <w:next w:val="a"/>
    <w:link w:val="ad"/>
    <w:uiPriority w:val="99"/>
    <w:semiHidden/>
    <w:unhideWhenUsed/>
    <w:rsid w:val="00E84CC5"/>
  </w:style>
  <w:style w:type="character" w:customStyle="1" w:styleId="ad">
    <w:name w:val="日付 (文字)"/>
    <w:basedOn w:val="a0"/>
    <w:link w:val="ac"/>
    <w:uiPriority w:val="99"/>
    <w:semiHidden/>
    <w:rsid w:val="00E84CC5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75</Words>
  <Characters>434</Characters>
  <Application>Microsoft Office Word</Application>
  <DocSecurity>0</DocSecurity>
  <Lines>3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生駒　紀子</dc:creator>
  <cp:keywords/>
  <dc:description/>
  <cp:lastModifiedBy>gk1202553</cp:lastModifiedBy>
  <cp:revision>2</cp:revision>
  <cp:lastPrinted>2025-02-19T06:30:00Z</cp:lastPrinted>
  <dcterms:created xsi:type="dcterms:W3CDTF">2025-05-19T23:57:00Z</dcterms:created>
  <dcterms:modified xsi:type="dcterms:W3CDTF">2025-05-19T23:57:00Z</dcterms:modified>
</cp:coreProperties>
</file>